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"/>
    </mc:Choice>
  </mc:AlternateContent>
  <xr:revisionPtr revIDLastSave="0" documentId="8_{6B792226-DE0C-450F-872F-DB334277DE74}" xr6:coauthVersionLast="47" xr6:coauthVersionMax="47" xr10:uidLastSave="{00000000-0000-0000-0000-000000000000}"/>
  <bookViews>
    <workbookView xWindow="1560" yWindow="795" windowWidth="19680" windowHeight="15405" xr2:uid="{A424809A-25CD-4475-B4BE-D0782A4B9257}"/>
  </bookViews>
  <sheets>
    <sheet name="21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4" uniqueCount="31">
  <si>
    <t>名称№２１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タイヤ廃棄処理（収集運搬処分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走行輪</t>
  </si>
  <si>
    <t>Ｅ２７５／７５Ｒ１７．５</t>
  </si>
  <si>
    <t>本</t>
  </si>
  <si>
    <t>東西・東豊線走行輪</t>
  </si>
  <si>
    <t>Ｅ１４．５０／７５Ｒ１７．５</t>
  </si>
  <si>
    <t>各線共通案内輪</t>
  </si>
  <si>
    <t>Ｅ６．００－１６／１２ＰＲ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7A831FD1-89AE-459C-AB96-1FBCE07F9E2D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F43FE1-83CF-493B-AE59-C1F090D02234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1" sqref="F11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1054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6</v>
      </c>
      <c r="E10" s="37" t="s">
        <v>14</v>
      </c>
      <c r="F10" s="31">
        <v>1295</v>
      </c>
      <c r="G10" s="38"/>
      <c r="H10" s="33"/>
    </row>
    <row r="11" spans="1:10" ht="24.95" customHeight="1" x14ac:dyDescent="0.15">
      <c r="A11" s="26">
        <v>3</v>
      </c>
      <c r="B11" s="34" t="s">
        <v>17</v>
      </c>
      <c r="C11" s="35">
        <v>1</v>
      </c>
      <c r="D11" s="36" t="s">
        <v>18</v>
      </c>
      <c r="E11" s="37" t="s">
        <v>14</v>
      </c>
      <c r="F11" s="31">
        <v>781</v>
      </c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35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57"/>
      <c r="B28" s="40"/>
      <c r="C28" s="39"/>
      <c r="D28" s="58"/>
      <c r="E28" s="39"/>
      <c r="F28" s="43"/>
      <c r="G28" s="53"/>
      <c r="H28" s="59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7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0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1</v>
      </c>
      <c r="H42" s="65"/>
    </row>
    <row r="43" spans="1:8" ht="20.100000000000001" customHeight="1" x14ac:dyDescent="0.15">
      <c r="A43" s="65"/>
      <c r="B43" s="65" t="s">
        <v>22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3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4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5</v>
      </c>
      <c r="E46" s="65"/>
      <c r="F46" s="65"/>
      <c r="G46" s="65"/>
      <c r="H46" s="66" t="s">
        <v>26</v>
      </c>
    </row>
    <row r="47" spans="1:8" ht="20.100000000000001" customHeight="1" x14ac:dyDescent="0.15">
      <c r="A47" s="65"/>
      <c r="B47" s="65"/>
      <c r="C47" s="65"/>
      <c r="D47" s="66" t="s">
        <v>27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8</v>
      </c>
      <c r="E49" s="65"/>
      <c r="F49" s="68"/>
      <c r="G49" s="65"/>
      <c r="H49" s="66" t="s">
        <v>26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9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0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4</vt:lpstr>
      <vt:lpstr>'21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10:22Z</dcterms:created>
  <dcterms:modified xsi:type="dcterms:W3CDTF">2026-02-10T10:10:48Z</dcterms:modified>
</cp:coreProperties>
</file>